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-15" yWindow="0" windowWidth="10320" windowHeight="8070"/>
  </bookViews>
  <sheets>
    <sheet name="9" sheetId="5" r:id="rId1"/>
  </sheets>
  <definedNames>
    <definedName name="_xlnm.Print_Area" localSheetId="0">'9'!$A$1:$L$61</definedName>
  </definedNames>
  <calcPr calcId="162913"/>
</workbook>
</file>

<file path=xl/sharedStrings.xml><?xml version="1.0" encoding="utf-8"?>
<sst xmlns="http://schemas.openxmlformats.org/spreadsheetml/2006/main" count="136" uniqueCount="38">
  <si>
    <t>市町村</t>
    <rPh sb="0" eb="3">
      <t>シチョウソン</t>
    </rPh>
    <phoneticPr fontId="2"/>
  </si>
  <si>
    <t>契約面積</t>
    <rPh sb="0" eb="2">
      <t>ケイヤク</t>
    </rPh>
    <rPh sb="2" eb="4">
      <t>メンセキ</t>
    </rPh>
    <phoneticPr fontId="2"/>
  </si>
  <si>
    <t>計</t>
    <rPh sb="0" eb="1">
      <t>ケイ</t>
    </rPh>
    <phoneticPr fontId="2"/>
  </si>
  <si>
    <t>除地等</t>
    <rPh sb="0" eb="2">
      <t>ジョチ</t>
    </rPh>
    <rPh sb="2" eb="3">
      <t>トウ</t>
    </rPh>
    <phoneticPr fontId="2"/>
  </si>
  <si>
    <t>（管内計）</t>
    <rPh sb="1" eb="3">
      <t>カンナイ</t>
    </rPh>
    <rPh sb="3" eb="4">
      <t>ケイ</t>
    </rPh>
    <phoneticPr fontId="2"/>
  </si>
  <si>
    <t>県計</t>
    <rPh sb="0" eb="1">
      <t>ケン</t>
    </rPh>
    <rPh sb="1" eb="2">
      <t>ケイ</t>
    </rPh>
    <phoneticPr fontId="2"/>
  </si>
  <si>
    <t>実行面積</t>
    <rPh sb="0" eb="2">
      <t>ジッコウ</t>
    </rPh>
    <rPh sb="2" eb="4">
      <t>メンセキ</t>
    </rPh>
    <phoneticPr fontId="2"/>
  </si>
  <si>
    <t>川本町</t>
    <rPh sb="0" eb="2">
      <t>カワモト</t>
    </rPh>
    <rPh sb="2" eb="3">
      <t>マチ</t>
    </rPh>
    <phoneticPr fontId="2"/>
  </si>
  <si>
    <t>大田市</t>
    <rPh sb="0" eb="3">
      <t>オオダシ</t>
    </rPh>
    <phoneticPr fontId="2"/>
  </si>
  <si>
    <t>雲南市</t>
    <rPh sb="0" eb="2">
      <t>ウンナン</t>
    </rPh>
    <rPh sb="2" eb="3">
      <t>シ</t>
    </rPh>
    <phoneticPr fontId="2"/>
  </si>
  <si>
    <t>奥出雲町</t>
    <rPh sb="0" eb="1">
      <t>オク</t>
    </rPh>
    <rPh sb="1" eb="4">
      <t>イズモチョウ</t>
    </rPh>
    <phoneticPr fontId="2"/>
  </si>
  <si>
    <t>飯南町</t>
    <rPh sb="0" eb="3">
      <t>イイナンチョウ</t>
    </rPh>
    <phoneticPr fontId="2"/>
  </si>
  <si>
    <t>出雲市</t>
    <rPh sb="0" eb="3">
      <t>イズモシ</t>
    </rPh>
    <phoneticPr fontId="2"/>
  </si>
  <si>
    <t>隠岐の島町</t>
    <rPh sb="0" eb="2">
      <t>オキ</t>
    </rPh>
    <rPh sb="3" eb="5">
      <t>シマチョウ</t>
    </rPh>
    <phoneticPr fontId="2"/>
  </si>
  <si>
    <t>海士町</t>
    <rPh sb="0" eb="3">
      <t>アマチョウ</t>
    </rPh>
    <phoneticPr fontId="2"/>
  </si>
  <si>
    <t>西ノ島町</t>
    <rPh sb="0" eb="1">
      <t>ニシ</t>
    </rPh>
    <rPh sb="2" eb="4">
      <t>シマチョウ</t>
    </rPh>
    <phoneticPr fontId="2"/>
  </si>
  <si>
    <t>知夫村</t>
    <rPh sb="0" eb="3">
      <t>チブムラ</t>
    </rPh>
    <phoneticPr fontId="2"/>
  </si>
  <si>
    <t>益田市</t>
    <rPh sb="0" eb="3">
      <t>マスダシ</t>
    </rPh>
    <phoneticPr fontId="2"/>
  </si>
  <si>
    <t>津和野町</t>
    <rPh sb="0" eb="4">
      <t>ツワノチョウ</t>
    </rPh>
    <phoneticPr fontId="2"/>
  </si>
  <si>
    <t>計画区</t>
  </si>
  <si>
    <t>美郷町</t>
    <rPh sb="0" eb="1">
      <t>ミ</t>
    </rPh>
    <rPh sb="1" eb="2">
      <t>サト</t>
    </rPh>
    <rPh sb="2" eb="3">
      <t>チョウ</t>
    </rPh>
    <phoneticPr fontId="2"/>
  </si>
  <si>
    <t>邑南町</t>
    <rPh sb="0" eb="1">
      <t>ムラ</t>
    </rPh>
    <rPh sb="1" eb="3">
      <t>ミナミチョウ</t>
    </rPh>
    <phoneticPr fontId="2"/>
  </si>
  <si>
    <t>浜田市</t>
    <rPh sb="0" eb="3">
      <t>ハマダシ</t>
    </rPh>
    <phoneticPr fontId="2"/>
  </si>
  <si>
    <t>江津市</t>
    <rPh sb="0" eb="3">
      <t>ゴウツシ</t>
    </rPh>
    <phoneticPr fontId="2"/>
  </si>
  <si>
    <t>松江市</t>
    <rPh sb="0" eb="3">
      <t>マツエシ</t>
    </rPh>
    <phoneticPr fontId="2"/>
  </si>
  <si>
    <t>安来市</t>
    <rPh sb="0" eb="3">
      <t>ヤスギシ</t>
    </rPh>
    <phoneticPr fontId="2"/>
  </si>
  <si>
    <t>吉賀町</t>
    <rPh sb="0" eb="1">
      <t>ヨシ</t>
    </rPh>
    <rPh sb="1" eb="2">
      <t>ガ</t>
    </rPh>
    <rPh sb="2" eb="3">
      <t>チョウ</t>
    </rPh>
    <phoneticPr fontId="2"/>
  </si>
  <si>
    <t>未植栽地</t>
    <rPh sb="0" eb="1">
      <t>ミ</t>
    </rPh>
    <rPh sb="1" eb="3">
      <t>ショクサイ</t>
    </rPh>
    <rPh sb="3" eb="4">
      <t>チ</t>
    </rPh>
    <phoneticPr fontId="2"/>
  </si>
  <si>
    <t>H27</t>
    <phoneticPr fontId="2"/>
  </si>
  <si>
    <t>H26</t>
    <phoneticPr fontId="2"/>
  </si>
  <si>
    <t>H24まで</t>
    <phoneticPr fontId="2"/>
  </si>
  <si>
    <t>H25</t>
    <phoneticPr fontId="2"/>
  </si>
  <si>
    <t>H28</t>
    <phoneticPr fontId="2"/>
  </si>
  <si>
    <t>H29</t>
    <phoneticPr fontId="2"/>
  </si>
  <si>
    <t>江の川下流</t>
    <rPh sb="0" eb="1">
      <t>ゴウ</t>
    </rPh>
    <rPh sb="2" eb="3">
      <t>カワ</t>
    </rPh>
    <rPh sb="3" eb="5">
      <t>カリュウ</t>
    </rPh>
    <phoneticPr fontId="2"/>
  </si>
  <si>
    <t>斐伊川</t>
    <rPh sb="0" eb="3">
      <t>ヒイカワ</t>
    </rPh>
    <phoneticPr fontId="2"/>
  </si>
  <si>
    <t>隠岐</t>
    <rPh sb="0" eb="2">
      <t>オキ</t>
    </rPh>
    <phoneticPr fontId="2"/>
  </si>
  <si>
    <t>高津川</t>
    <rPh sb="0" eb="2">
      <t>タカツ</t>
    </rPh>
    <rPh sb="2" eb="3">
      <t>ガ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43" formatCode="_ * #,##0.00_ ;_ * \-#,##0.00_ ;_ * &quot;-&quot;??_ ;_ @_ "/>
    <numFmt numFmtId="176" formatCode="0.00_ "/>
    <numFmt numFmtId="178" formatCode="&quot;(&quot;0.00&quot;)&quot;"/>
    <numFmt numFmtId="179" formatCode="&quot;(&quot;#.##&quot;)&quot;"/>
    <numFmt numFmtId="180" formatCode="#,##0.00_ "/>
    <numFmt numFmtId="192" formatCode="&quot;(&quot;###0.00&quot;)&quot;"/>
  </numFmts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b/>
      <sz val="1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/>
    <xf numFmtId="0" fontId="1" fillId="0" borderId="0"/>
  </cellStyleXfs>
  <cellXfs count="52">
    <xf numFmtId="0" fontId="0" fillId="0" borderId="0" xfId="0"/>
    <xf numFmtId="0" fontId="3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vertical="center"/>
    </xf>
    <xf numFmtId="0" fontId="3" fillId="0" borderId="0" xfId="0" applyFont="1" applyFill="1" applyAlignment="1">
      <alignment horizontal="right" vertical="center"/>
    </xf>
    <xf numFmtId="0" fontId="5" fillId="0" borderId="1" xfId="1" applyFont="1" applyFill="1" applyBorder="1" applyAlignment="1">
      <alignment horizontal="center" vertical="center"/>
    </xf>
    <xf numFmtId="43" fontId="5" fillId="0" borderId="2" xfId="1" applyNumberFormat="1" applyFont="1" applyFill="1" applyBorder="1" applyAlignment="1">
      <alignment vertical="center"/>
    </xf>
    <xf numFmtId="178" fontId="5" fillId="0" borderId="3" xfId="1" applyNumberFormat="1" applyFont="1" applyFill="1" applyBorder="1" applyAlignment="1">
      <alignment horizontal="right" vertical="center"/>
    </xf>
    <xf numFmtId="178" fontId="5" fillId="0" borderId="3" xfId="1" applyNumberFormat="1" applyFont="1" applyFill="1" applyBorder="1" applyAlignment="1">
      <alignment vertical="center"/>
    </xf>
    <xf numFmtId="43" fontId="5" fillId="0" borderId="4" xfId="1" applyNumberFormat="1" applyFont="1" applyFill="1" applyBorder="1" applyAlignment="1">
      <alignment vertical="center"/>
    </xf>
    <xf numFmtId="43" fontId="5" fillId="0" borderId="5" xfId="1" applyNumberFormat="1" applyFont="1" applyFill="1" applyBorder="1" applyAlignment="1">
      <alignment horizontal="right" vertical="center"/>
    </xf>
    <xf numFmtId="178" fontId="5" fillId="0" borderId="5" xfId="1" applyNumberFormat="1" applyFont="1" applyFill="1" applyBorder="1" applyAlignment="1">
      <alignment horizontal="right" vertical="center"/>
    </xf>
    <xf numFmtId="178" fontId="5" fillId="0" borderId="5" xfId="1" applyNumberFormat="1" applyFont="1" applyFill="1" applyBorder="1" applyAlignment="1">
      <alignment vertical="center"/>
    </xf>
    <xf numFmtId="43" fontId="5" fillId="0" borderId="5" xfId="1" applyNumberFormat="1" applyFont="1" applyFill="1" applyBorder="1" applyAlignment="1">
      <alignment vertical="center"/>
    </xf>
    <xf numFmtId="0" fontId="5" fillId="0" borderId="5" xfId="1" applyNumberFormat="1" applyFont="1" applyFill="1" applyBorder="1" applyAlignment="1">
      <alignment vertical="center"/>
    </xf>
    <xf numFmtId="176" fontId="5" fillId="0" borderId="5" xfId="1" applyNumberFormat="1" applyFont="1" applyFill="1" applyBorder="1" applyAlignment="1">
      <alignment horizontal="right" vertical="center"/>
    </xf>
    <xf numFmtId="178" fontId="5" fillId="0" borderId="6" xfId="1" applyNumberFormat="1" applyFont="1" applyFill="1" applyBorder="1" applyAlignment="1">
      <alignment horizontal="right" vertical="center"/>
    </xf>
    <xf numFmtId="178" fontId="5" fillId="0" borderId="6" xfId="1" applyNumberFormat="1" applyFont="1" applyFill="1" applyBorder="1" applyAlignment="1">
      <alignment vertical="center"/>
    </xf>
    <xf numFmtId="43" fontId="5" fillId="0" borderId="7" xfId="1" applyNumberFormat="1" applyFont="1" applyFill="1" applyBorder="1" applyAlignment="1">
      <alignment vertical="center"/>
    </xf>
    <xf numFmtId="178" fontId="5" fillId="0" borderId="8" xfId="1" applyNumberFormat="1" applyFont="1" applyFill="1" applyBorder="1" applyAlignment="1">
      <alignment horizontal="right" vertical="center"/>
    </xf>
    <xf numFmtId="178" fontId="5" fillId="0" borderId="8" xfId="1" applyNumberFormat="1" applyFont="1" applyFill="1" applyBorder="1" applyAlignment="1">
      <alignment vertical="center"/>
    </xf>
    <xf numFmtId="0" fontId="5" fillId="0" borderId="7" xfId="1" applyNumberFormat="1" applyFont="1" applyFill="1" applyBorder="1" applyAlignment="1">
      <alignment horizontal="right" vertical="center"/>
    </xf>
    <xf numFmtId="180" fontId="5" fillId="0" borderId="5" xfId="1" applyNumberFormat="1" applyFont="1" applyFill="1" applyBorder="1" applyAlignment="1">
      <alignment horizontal="right" vertical="center"/>
    </xf>
    <xf numFmtId="180" fontId="5" fillId="0" borderId="2" xfId="1" applyNumberFormat="1" applyFont="1" applyFill="1" applyBorder="1" applyAlignment="1">
      <alignment vertical="center"/>
    </xf>
    <xf numFmtId="176" fontId="5" fillId="0" borderId="2" xfId="1" applyNumberFormat="1" applyFont="1" applyFill="1" applyBorder="1" applyAlignment="1">
      <alignment horizontal="right" vertical="center"/>
    </xf>
    <xf numFmtId="0" fontId="6" fillId="0" borderId="0" xfId="1" applyFont="1" applyFill="1" applyBorder="1" applyAlignment="1">
      <alignment horizontal="center" vertical="center"/>
    </xf>
    <xf numFmtId="43" fontId="5" fillId="0" borderId="0" xfId="1" applyNumberFormat="1" applyFont="1" applyFill="1" applyBorder="1" applyAlignment="1">
      <alignment horizontal="right" vertical="center"/>
    </xf>
    <xf numFmtId="179" fontId="5" fillId="0" borderId="0" xfId="1" applyNumberFormat="1" applyFont="1" applyFill="1" applyBorder="1" applyAlignment="1">
      <alignment horizontal="right" vertical="center"/>
    </xf>
    <xf numFmtId="178" fontId="5" fillId="0" borderId="0" xfId="1" applyNumberFormat="1" applyFont="1" applyFill="1" applyBorder="1" applyAlignment="1">
      <alignment horizontal="right" vertical="center"/>
    </xf>
    <xf numFmtId="178" fontId="5" fillId="0" borderId="0" xfId="1" applyNumberFormat="1" applyFont="1" applyFill="1" applyBorder="1" applyAlignment="1">
      <alignment vertical="center"/>
    </xf>
    <xf numFmtId="0" fontId="5" fillId="0" borderId="0" xfId="1" applyFont="1" applyFill="1" applyAlignment="1">
      <alignment vertical="center"/>
    </xf>
    <xf numFmtId="0" fontId="5" fillId="0" borderId="0" xfId="1" applyFont="1" applyFill="1" applyBorder="1" applyAlignment="1">
      <alignment vertical="center"/>
    </xf>
    <xf numFmtId="0" fontId="5" fillId="0" borderId="0" xfId="1" applyFont="1" applyFill="1" applyBorder="1" applyAlignment="1">
      <alignment horizontal="center" vertical="center"/>
    </xf>
    <xf numFmtId="0" fontId="4" fillId="0" borderId="0" xfId="1" applyFont="1" applyFill="1" applyAlignment="1">
      <alignment horizontal="left" vertical="center"/>
    </xf>
    <xf numFmtId="43" fontId="4" fillId="0" borderId="2" xfId="1" applyNumberFormat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textRotation="255" shrinkToFit="1"/>
    </xf>
    <xf numFmtId="0" fontId="5" fillId="0" borderId="9" xfId="1" applyFont="1" applyFill="1" applyBorder="1" applyAlignment="1">
      <alignment vertical="center"/>
    </xf>
    <xf numFmtId="0" fontId="5" fillId="0" borderId="2" xfId="1" applyFont="1" applyFill="1" applyBorder="1" applyAlignment="1">
      <alignment vertical="center"/>
    </xf>
    <xf numFmtId="0" fontId="5" fillId="0" borderId="3" xfId="1" applyFont="1" applyFill="1" applyBorder="1" applyAlignment="1">
      <alignment vertical="center"/>
    </xf>
    <xf numFmtId="0" fontId="5" fillId="0" borderId="8" xfId="1" applyFont="1" applyFill="1" applyBorder="1" applyAlignment="1">
      <alignment vertical="center"/>
    </xf>
    <xf numFmtId="0" fontId="7" fillId="0" borderId="1" xfId="0" applyFont="1" applyBorder="1" applyAlignment="1">
      <alignment vertical="center" shrinkToFit="1"/>
    </xf>
    <xf numFmtId="0" fontId="5" fillId="0" borderId="7" xfId="1" applyFont="1" applyFill="1" applyBorder="1" applyAlignment="1">
      <alignment vertical="center"/>
    </xf>
    <xf numFmtId="0" fontId="7" fillId="0" borderId="1" xfId="0" applyFont="1" applyBorder="1" applyAlignment="1">
      <alignment horizontal="center" vertical="center" shrinkToFit="1"/>
    </xf>
    <xf numFmtId="0" fontId="5" fillId="0" borderId="10" xfId="1" applyFont="1" applyFill="1" applyBorder="1" applyAlignment="1">
      <alignment vertical="center"/>
    </xf>
    <xf numFmtId="0" fontId="5" fillId="0" borderId="5" xfId="1" applyFont="1" applyFill="1" applyBorder="1" applyAlignment="1">
      <alignment vertical="center"/>
    </xf>
    <xf numFmtId="0" fontId="5" fillId="0" borderId="4" xfId="1" applyFont="1" applyFill="1" applyBorder="1" applyAlignment="1">
      <alignment vertical="center"/>
    </xf>
    <xf numFmtId="0" fontId="5" fillId="0" borderId="2" xfId="1" applyFont="1" applyFill="1" applyBorder="1" applyAlignment="1">
      <alignment vertical="center" shrinkToFit="1"/>
    </xf>
    <xf numFmtId="0" fontId="5" fillId="0" borderId="11" xfId="1" applyFont="1" applyFill="1" applyBorder="1" applyAlignment="1">
      <alignment vertical="center"/>
    </xf>
    <xf numFmtId="0" fontId="5" fillId="0" borderId="5" xfId="1" applyFont="1" applyFill="1" applyBorder="1" applyAlignment="1">
      <alignment vertical="center" shrinkToFit="1"/>
    </xf>
    <xf numFmtId="176" fontId="5" fillId="0" borderId="7" xfId="1" applyNumberFormat="1" applyFont="1" applyFill="1" applyBorder="1" applyAlignment="1">
      <alignment vertical="center"/>
    </xf>
    <xf numFmtId="176" fontId="5" fillId="0" borderId="2" xfId="1" applyNumberFormat="1" applyFont="1" applyFill="1" applyBorder="1" applyAlignment="1">
      <alignment vertical="center"/>
    </xf>
    <xf numFmtId="176" fontId="5" fillId="0" borderId="5" xfId="1" applyNumberFormat="1" applyFont="1" applyFill="1" applyBorder="1" applyAlignment="1">
      <alignment vertical="center"/>
    </xf>
    <xf numFmtId="192" fontId="5" fillId="0" borderId="8" xfId="1" applyNumberFormat="1" applyFont="1" applyFill="1" applyBorder="1" applyAlignment="1">
      <alignment vertical="center"/>
    </xf>
  </cellXfs>
  <cellStyles count="2">
    <cellStyle name="標準" xfId="0" builtinId="0"/>
    <cellStyle name="標準_h15末.緑資源機構造林実績調査表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L61"/>
  <sheetViews>
    <sheetView showZeros="0" tabSelected="1" view="pageBreakPreview" zoomScale="142" zoomScaleNormal="100" zoomScaleSheetLayoutView="142" workbookViewId="0"/>
  </sheetViews>
  <sheetFormatPr defaultRowHeight="9" x14ac:dyDescent="0.15"/>
  <cols>
    <col min="1" max="1" width="3.375" style="2" customWidth="1"/>
    <col min="2" max="2" width="8.625" style="1" customWidth="1"/>
    <col min="3" max="3" width="11.25" style="2" bestFit="1" customWidth="1"/>
    <col min="4" max="4" width="10.25" style="2" customWidth="1"/>
    <col min="5" max="5" width="9.125" style="2" customWidth="1"/>
    <col min="6" max="6" width="11.25" style="2" bestFit="1" customWidth="1"/>
    <col min="7" max="11" width="9" style="2" customWidth="1"/>
    <col min="12" max="12" width="11.75" style="2" customWidth="1"/>
    <col min="13" max="16384" width="9" style="2"/>
  </cols>
  <sheetData>
    <row r="1" spans="1:12" ht="16.5" customHeight="1" x14ac:dyDescent="0.15">
      <c r="A1" s="34" t="s">
        <v>19</v>
      </c>
      <c r="B1" s="36" t="s">
        <v>0</v>
      </c>
      <c r="C1" s="35" t="s">
        <v>1</v>
      </c>
      <c r="D1" s="35" t="s">
        <v>1</v>
      </c>
      <c r="E1" s="35" t="s">
        <v>1</v>
      </c>
      <c r="F1" s="42" t="s">
        <v>6</v>
      </c>
      <c r="G1" s="42" t="s">
        <v>6</v>
      </c>
      <c r="H1" s="42" t="s">
        <v>6</v>
      </c>
      <c r="I1" s="42" t="s">
        <v>6</v>
      </c>
      <c r="J1" s="42" t="s">
        <v>6</v>
      </c>
      <c r="K1" s="42" t="s">
        <v>6</v>
      </c>
      <c r="L1" s="42" t="s">
        <v>6</v>
      </c>
    </row>
    <row r="2" spans="1:12" ht="16.5" customHeight="1" x14ac:dyDescent="0.15">
      <c r="A2" s="34" t="s">
        <v>19</v>
      </c>
      <c r="B2" s="36" t="s">
        <v>0</v>
      </c>
      <c r="C2" s="35" t="s">
        <v>1</v>
      </c>
      <c r="D2" s="4" t="s">
        <v>3</v>
      </c>
      <c r="E2" s="4" t="s">
        <v>27</v>
      </c>
      <c r="F2" s="4" t="s">
        <v>30</v>
      </c>
      <c r="G2" s="4" t="s">
        <v>31</v>
      </c>
      <c r="H2" s="4" t="s">
        <v>29</v>
      </c>
      <c r="I2" s="4" t="s">
        <v>28</v>
      </c>
      <c r="J2" s="4" t="s">
        <v>32</v>
      </c>
      <c r="K2" s="4" t="s">
        <v>33</v>
      </c>
      <c r="L2" s="4" t="s">
        <v>2</v>
      </c>
    </row>
    <row r="3" spans="1:12" ht="16.5" customHeight="1" x14ac:dyDescent="0.15">
      <c r="A3" s="39" t="s">
        <v>34</v>
      </c>
      <c r="B3" s="36" t="s">
        <v>7</v>
      </c>
      <c r="C3" s="33">
        <v>135.93</v>
      </c>
      <c r="D3" s="5">
        <v>21.26</v>
      </c>
      <c r="E3" s="5">
        <v>17.57</v>
      </c>
      <c r="F3" s="5">
        <v>72.25</v>
      </c>
      <c r="G3" s="5">
        <v>0</v>
      </c>
      <c r="H3" s="5">
        <v>0</v>
      </c>
      <c r="I3" s="5">
        <v>0</v>
      </c>
      <c r="J3" s="5">
        <v>2.7</v>
      </c>
      <c r="K3" s="5">
        <v>3.9</v>
      </c>
      <c r="L3" s="5">
        <v>78.850000000000009</v>
      </c>
    </row>
    <row r="4" spans="1:12" s="3" customFormat="1" ht="15.75" customHeight="1" x14ac:dyDescent="0.15">
      <c r="A4" s="39" t="s">
        <v>34</v>
      </c>
      <c r="B4" s="43" t="s">
        <v>7</v>
      </c>
      <c r="C4" s="6">
        <v>0</v>
      </c>
      <c r="D4" s="6">
        <v>0</v>
      </c>
      <c r="E4" s="6">
        <v>0</v>
      </c>
      <c r="F4" s="6">
        <v>14.85</v>
      </c>
      <c r="G4" s="6">
        <v>0</v>
      </c>
      <c r="H4" s="6">
        <v>0</v>
      </c>
      <c r="I4" s="6">
        <v>0</v>
      </c>
      <c r="J4" s="6">
        <v>1</v>
      </c>
      <c r="K4" s="6">
        <v>2.4</v>
      </c>
      <c r="L4" s="7">
        <v>18.25</v>
      </c>
    </row>
    <row r="5" spans="1:12" ht="16.5" customHeight="1" x14ac:dyDescent="0.15">
      <c r="A5" s="39" t="s">
        <v>34</v>
      </c>
      <c r="B5" s="44" t="s">
        <v>20</v>
      </c>
      <c r="C5" s="14">
        <v>1628.43</v>
      </c>
      <c r="D5" s="9">
        <v>364.36</v>
      </c>
      <c r="E5" s="9">
        <v>8.42</v>
      </c>
      <c r="F5" s="50">
        <v>1077.5999999999999</v>
      </c>
      <c r="G5" s="9">
        <v>13.49</v>
      </c>
      <c r="H5" s="9">
        <v>13.48</v>
      </c>
      <c r="I5" s="9">
        <v>16.16</v>
      </c>
      <c r="J5" s="9">
        <v>7.9999999999999991</v>
      </c>
      <c r="K5" s="14">
        <v>13.23</v>
      </c>
      <c r="L5" s="50">
        <v>1141.96</v>
      </c>
    </row>
    <row r="6" spans="1:12" s="3" customFormat="1" ht="15.75" customHeight="1" x14ac:dyDescent="0.15">
      <c r="A6" s="39" t="s">
        <v>34</v>
      </c>
      <c r="B6" s="43" t="s">
        <v>20</v>
      </c>
      <c r="C6" s="6">
        <v>0</v>
      </c>
      <c r="D6" s="6">
        <v>0</v>
      </c>
      <c r="E6" s="6">
        <v>0</v>
      </c>
      <c r="F6" s="6">
        <v>82.74</v>
      </c>
      <c r="G6" s="6">
        <v>5.52</v>
      </c>
      <c r="H6" s="6">
        <v>4.1900000000000004</v>
      </c>
      <c r="I6" s="6">
        <v>5.81</v>
      </c>
      <c r="J6" s="6">
        <v>5.29</v>
      </c>
      <c r="K6" s="6">
        <v>10.14</v>
      </c>
      <c r="L6" s="7">
        <v>113.69</v>
      </c>
    </row>
    <row r="7" spans="1:12" ht="16.5" customHeight="1" x14ac:dyDescent="0.15">
      <c r="A7" s="39" t="s">
        <v>34</v>
      </c>
      <c r="B7" s="44" t="s">
        <v>21</v>
      </c>
      <c r="C7" s="14">
        <v>5366.0800000000008</v>
      </c>
      <c r="D7" s="9">
        <v>728.34</v>
      </c>
      <c r="E7" s="9">
        <v>4.72</v>
      </c>
      <c r="F7" s="50">
        <v>4287.55</v>
      </c>
      <c r="G7" s="9">
        <v>39.69</v>
      </c>
      <c r="H7" s="9">
        <v>42.02</v>
      </c>
      <c r="I7" s="9">
        <v>35.51</v>
      </c>
      <c r="J7" s="14">
        <v>21.87</v>
      </c>
      <c r="K7" s="14">
        <v>29.14</v>
      </c>
      <c r="L7" s="50">
        <v>4455.7800000000007</v>
      </c>
    </row>
    <row r="8" spans="1:12" s="3" customFormat="1" ht="15.75" customHeight="1" x14ac:dyDescent="0.15">
      <c r="A8" s="39" t="s">
        <v>34</v>
      </c>
      <c r="B8" s="43" t="s">
        <v>21</v>
      </c>
      <c r="C8" s="6">
        <v>0</v>
      </c>
      <c r="D8" s="6">
        <v>0</v>
      </c>
      <c r="E8" s="6">
        <v>0</v>
      </c>
      <c r="F8" s="6">
        <v>118.26</v>
      </c>
      <c r="G8" s="6">
        <v>14.72</v>
      </c>
      <c r="H8" s="6">
        <v>10.55</v>
      </c>
      <c r="I8" s="6">
        <v>14.55</v>
      </c>
      <c r="J8" s="6">
        <v>8</v>
      </c>
      <c r="K8" s="6">
        <v>11.16</v>
      </c>
      <c r="L8" s="7">
        <v>177.24000000000004</v>
      </c>
    </row>
    <row r="9" spans="1:12" ht="16.5" customHeight="1" x14ac:dyDescent="0.15">
      <c r="A9" s="39" t="s">
        <v>34</v>
      </c>
      <c r="B9" s="44" t="s">
        <v>8</v>
      </c>
      <c r="C9" s="12">
        <v>414.46999999999997</v>
      </c>
      <c r="D9" s="12">
        <v>43.49</v>
      </c>
      <c r="E9" s="12">
        <v>2.16</v>
      </c>
      <c r="F9" s="12">
        <v>239.8</v>
      </c>
      <c r="G9" s="12">
        <v>10.5</v>
      </c>
      <c r="H9" s="12">
        <v>17.71</v>
      </c>
      <c r="I9" s="12">
        <v>9.1</v>
      </c>
      <c r="J9" s="12">
        <v>10.530000000000001</v>
      </c>
      <c r="K9" s="12">
        <v>22.73</v>
      </c>
      <c r="L9" s="12">
        <v>310.37</v>
      </c>
    </row>
    <row r="10" spans="1:12" s="3" customFormat="1" ht="15.75" customHeight="1" x14ac:dyDescent="0.15">
      <c r="A10" s="39" t="s">
        <v>34</v>
      </c>
      <c r="B10" s="43" t="s">
        <v>8</v>
      </c>
      <c r="C10" s="15">
        <v>0</v>
      </c>
      <c r="D10" s="15">
        <v>0</v>
      </c>
      <c r="E10" s="15">
        <v>0</v>
      </c>
      <c r="F10" s="15">
        <v>28.23</v>
      </c>
      <c r="G10" s="15">
        <v>4.51</v>
      </c>
      <c r="H10" s="15">
        <v>10.56</v>
      </c>
      <c r="I10" s="15">
        <v>3.9</v>
      </c>
      <c r="J10" s="15">
        <v>3.85</v>
      </c>
      <c r="K10" s="15">
        <v>7.4</v>
      </c>
      <c r="L10" s="16">
        <v>58.45</v>
      </c>
    </row>
    <row r="11" spans="1:12" ht="16.5" customHeight="1" x14ac:dyDescent="0.15">
      <c r="A11" s="39" t="s">
        <v>34</v>
      </c>
      <c r="B11" s="40" t="s">
        <v>4</v>
      </c>
      <c r="C11" s="48">
        <v>7544.9100000000008</v>
      </c>
      <c r="D11" s="48">
        <v>1157.45</v>
      </c>
      <c r="E11" s="17">
        <v>32.870000000000005</v>
      </c>
      <c r="F11" s="48">
        <v>5677.2</v>
      </c>
      <c r="G11" s="17">
        <v>63.68</v>
      </c>
      <c r="H11" s="17">
        <v>73.210000000000008</v>
      </c>
      <c r="I11" s="17">
        <v>60.77</v>
      </c>
      <c r="J11" s="17">
        <v>43.1</v>
      </c>
      <c r="K11" s="17">
        <v>69</v>
      </c>
      <c r="L11" s="48">
        <v>5986.96</v>
      </c>
    </row>
    <row r="12" spans="1:12" s="3" customFormat="1" ht="15.75" customHeight="1" x14ac:dyDescent="0.15">
      <c r="A12" s="39" t="s">
        <v>34</v>
      </c>
      <c r="B12" s="43" t="s">
        <v>4</v>
      </c>
      <c r="C12" s="18">
        <v>0</v>
      </c>
      <c r="D12" s="18">
        <v>0</v>
      </c>
      <c r="E12" s="18">
        <v>0</v>
      </c>
      <c r="F12" s="18">
        <v>244.07999999999998</v>
      </c>
      <c r="G12" s="18">
        <v>24.75</v>
      </c>
      <c r="H12" s="18">
        <v>25.300000000000004</v>
      </c>
      <c r="I12" s="18">
        <v>24.259999999999998</v>
      </c>
      <c r="J12" s="18">
        <v>18.14</v>
      </c>
      <c r="K12" s="18">
        <v>31.1</v>
      </c>
      <c r="L12" s="19">
        <v>367.63000000000005</v>
      </c>
    </row>
    <row r="13" spans="1:12" ht="16.5" customHeight="1" x14ac:dyDescent="0.15">
      <c r="A13" s="39" t="s">
        <v>34</v>
      </c>
      <c r="B13" s="36" t="s">
        <v>22</v>
      </c>
      <c r="C13" s="14">
        <v>3013.4500000000003</v>
      </c>
      <c r="D13" s="9">
        <v>537.83000000000004</v>
      </c>
      <c r="E13" s="9">
        <v>26.29</v>
      </c>
      <c r="F13" s="50">
        <v>2183.54</v>
      </c>
      <c r="G13" s="9">
        <v>31.52</v>
      </c>
      <c r="H13" s="9">
        <v>24.94</v>
      </c>
      <c r="I13" s="9">
        <v>19.82</v>
      </c>
      <c r="J13" s="9">
        <v>23.09</v>
      </c>
      <c r="K13" s="9">
        <v>33</v>
      </c>
      <c r="L13" s="50">
        <v>2315.9100000000003</v>
      </c>
    </row>
    <row r="14" spans="1:12" s="3" customFormat="1" ht="15.75" customHeight="1" x14ac:dyDescent="0.15">
      <c r="A14" s="39" t="s">
        <v>34</v>
      </c>
      <c r="B14" s="43" t="s">
        <v>22</v>
      </c>
      <c r="C14" s="6">
        <v>0</v>
      </c>
      <c r="D14" s="6">
        <v>0</v>
      </c>
      <c r="E14" s="6">
        <v>0</v>
      </c>
      <c r="F14" s="6">
        <v>87.57</v>
      </c>
      <c r="G14" s="6">
        <v>9.98</v>
      </c>
      <c r="H14" s="6">
        <v>9.2799999999999994</v>
      </c>
      <c r="I14" s="6">
        <v>11.79</v>
      </c>
      <c r="J14" s="6">
        <v>5.92</v>
      </c>
      <c r="K14" s="6">
        <v>8.8800000000000008</v>
      </c>
      <c r="L14" s="7">
        <v>133.42000000000002</v>
      </c>
    </row>
    <row r="15" spans="1:12" ht="16.5" customHeight="1" x14ac:dyDescent="0.15">
      <c r="A15" s="39" t="s">
        <v>34</v>
      </c>
      <c r="B15" s="44" t="s">
        <v>23</v>
      </c>
      <c r="C15" s="14">
        <v>1278.7899999999997</v>
      </c>
      <c r="D15" s="9">
        <v>241.48</v>
      </c>
      <c r="E15" s="9">
        <v>15.16</v>
      </c>
      <c r="F15" s="12">
        <v>840.89</v>
      </c>
      <c r="G15" s="9">
        <v>22.07</v>
      </c>
      <c r="H15" s="9">
        <v>22.05</v>
      </c>
      <c r="I15" s="9">
        <v>21.619999999999997</v>
      </c>
      <c r="J15" s="14">
        <v>15.660000000000002</v>
      </c>
      <c r="K15" s="8">
        <v>0</v>
      </c>
      <c r="L15" s="12">
        <v>922.29</v>
      </c>
    </row>
    <row r="16" spans="1:12" s="3" customFormat="1" ht="15.75" customHeight="1" x14ac:dyDescent="0.15">
      <c r="A16" s="39" t="s">
        <v>34</v>
      </c>
      <c r="B16" s="43" t="s">
        <v>23</v>
      </c>
      <c r="C16" s="15">
        <v>0</v>
      </c>
      <c r="D16" s="15">
        <v>0</v>
      </c>
      <c r="E16" s="15">
        <v>0</v>
      </c>
      <c r="F16" s="15">
        <v>65.760000000000005</v>
      </c>
      <c r="G16" s="16">
        <v>9.4499999999999993</v>
      </c>
      <c r="H16" s="16">
        <v>9.2899999999999991</v>
      </c>
      <c r="I16" s="16">
        <v>9.26</v>
      </c>
      <c r="J16" s="15">
        <v>6.1</v>
      </c>
      <c r="K16" s="7">
        <v>0</v>
      </c>
      <c r="L16" s="16">
        <v>99.86</v>
      </c>
    </row>
    <row r="17" spans="1:12" ht="16.5" customHeight="1" x14ac:dyDescent="0.15">
      <c r="A17" s="39" t="s">
        <v>34</v>
      </c>
      <c r="B17" s="40" t="s">
        <v>4</v>
      </c>
      <c r="C17" s="48">
        <v>4292.24</v>
      </c>
      <c r="D17" s="17">
        <v>779.31000000000006</v>
      </c>
      <c r="E17" s="17">
        <v>41.45</v>
      </c>
      <c r="F17" s="48">
        <v>3024.43</v>
      </c>
      <c r="G17" s="17">
        <v>53.59</v>
      </c>
      <c r="H17" s="17">
        <v>46.99</v>
      </c>
      <c r="I17" s="17">
        <v>41.44</v>
      </c>
      <c r="J17" s="17">
        <v>38.75</v>
      </c>
      <c r="K17" s="20">
        <v>33</v>
      </c>
      <c r="L17" s="48">
        <v>3238.2000000000003</v>
      </c>
    </row>
    <row r="18" spans="1:12" s="3" customFormat="1" ht="15.75" customHeight="1" x14ac:dyDescent="0.15">
      <c r="A18" s="39" t="s">
        <v>34</v>
      </c>
      <c r="B18" s="43" t="s">
        <v>4</v>
      </c>
      <c r="C18" s="18">
        <v>0</v>
      </c>
      <c r="D18" s="18">
        <v>0</v>
      </c>
      <c r="E18" s="18">
        <v>0</v>
      </c>
      <c r="F18" s="18">
        <v>153.32999999999998</v>
      </c>
      <c r="G18" s="18">
        <v>19.43</v>
      </c>
      <c r="H18" s="18">
        <v>18.57</v>
      </c>
      <c r="I18" s="18">
        <v>21.049999999999997</v>
      </c>
      <c r="J18" s="18">
        <v>12.02</v>
      </c>
      <c r="K18" s="18">
        <v>8.8800000000000008</v>
      </c>
      <c r="L18" s="19">
        <v>233.28000000000003</v>
      </c>
    </row>
    <row r="19" spans="1:12" ht="16.5" customHeight="1" x14ac:dyDescent="0.15">
      <c r="A19" s="39" t="s">
        <v>34</v>
      </c>
      <c r="B19" s="36" t="s">
        <v>2</v>
      </c>
      <c r="C19" s="49">
        <v>11837.150000000001</v>
      </c>
      <c r="D19" s="49">
        <v>1936.7600000000002</v>
      </c>
      <c r="E19" s="5">
        <v>74.320000000000007</v>
      </c>
      <c r="F19" s="49">
        <v>8701.6299999999992</v>
      </c>
      <c r="G19" s="5">
        <v>117.27000000000001</v>
      </c>
      <c r="H19" s="5">
        <v>120.20000000000002</v>
      </c>
      <c r="I19" s="5">
        <v>102.21000000000001</v>
      </c>
      <c r="J19" s="5">
        <v>81.849999999999994</v>
      </c>
      <c r="K19" s="5">
        <v>102</v>
      </c>
      <c r="L19" s="49">
        <v>9225.16</v>
      </c>
    </row>
    <row r="20" spans="1:12" s="3" customFormat="1" ht="15.75" customHeight="1" x14ac:dyDescent="0.15">
      <c r="A20" s="39" t="s">
        <v>34</v>
      </c>
      <c r="B20" s="46" t="s">
        <v>2</v>
      </c>
      <c r="C20" s="18">
        <v>0</v>
      </c>
      <c r="D20" s="18">
        <v>0</v>
      </c>
      <c r="E20" s="18">
        <v>0</v>
      </c>
      <c r="F20" s="18">
        <v>397.40999999999997</v>
      </c>
      <c r="G20" s="18">
        <v>44.18</v>
      </c>
      <c r="H20" s="18">
        <v>43.870000000000005</v>
      </c>
      <c r="I20" s="18">
        <v>45.309999999999995</v>
      </c>
      <c r="J20" s="18">
        <v>30.16</v>
      </c>
      <c r="K20" s="18">
        <v>39.980000000000004</v>
      </c>
      <c r="L20" s="19">
        <v>600.91000000000008</v>
      </c>
    </row>
    <row r="21" spans="1:12" ht="16.5" customHeight="1" x14ac:dyDescent="0.15">
      <c r="A21" s="39" t="s">
        <v>35</v>
      </c>
      <c r="B21" s="36" t="s">
        <v>24</v>
      </c>
      <c r="C21" s="12">
        <v>346.2</v>
      </c>
      <c r="D21" s="12">
        <v>47.55</v>
      </c>
      <c r="E21" s="12">
        <v>9.2200000000000006</v>
      </c>
      <c r="F21" s="12">
        <v>202.4</v>
      </c>
      <c r="G21" s="12">
        <v>8.02</v>
      </c>
      <c r="H21" s="12">
        <v>5.87</v>
      </c>
      <c r="I21" s="12">
        <v>10.46</v>
      </c>
      <c r="J21" s="12">
        <v>3.51</v>
      </c>
      <c r="K21" s="13">
        <v>9.9600000000000009</v>
      </c>
      <c r="L21" s="12">
        <v>240.22000000000003</v>
      </c>
    </row>
    <row r="22" spans="1:12" s="3" customFormat="1" ht="15.75" customHeight="1" x14ac:dyDescent="0.15">
      <c r="A22" s="39" t="s">
        <v>35</v>
      </c>
      <c r="B22" s="43" t="s">
        <v>24</v>
      </c>
      <c r="C22" s="7">
        <v>0</v>
      </c>
      <c r="D22" s="7">
        <v>0</v>
      </c>
      <c r="E22" s="7">
        <v>0</v>
      </c>
      <c r="F22" s="6">
        <v>33.33</v>
      </c>
      <c r="G22" s="7">
        <v>3.85</v>
      </c>
      <c r="H22" s="6">
        <v>2.12</v>
      </c>
      <c r="I22" s="6">
        <v>4.4400000000000004</v>
      </c>
      <c r="J22" s="7">
        <v>1.21</v>
      </c>
      <c r="K22" s="7">
        <v>4.26</v>
      </c>
      <c r="L22" s="7">
        <v>49.209999999999994</v>
      </c>
    </row>
    <row r="23" spans="1:12" ht="16.5" customHeight="1" x14ac:dyDescent="0.15">
      <c r="A23" s="39" t="s">
        <v>35</v>
      </c>
      <c r="B23" s="44" t="s">
        <v>25</v>
      </c>
      <c r="C23" s="14">
        <v>5395.1900000000005</v>
      </c>
      <c r="D23" s="9">
        <v>362.43</v>
      </c>
      <c r="E23" s="9">
        <v>3.59</v>
      </c>
      <c r="F23" s="50">
        <v>4723.29</v>
      </c>
      <c r="G23" s="9">
        <v>38.69</v>
      </c>
      <c r="H23" s="9">
        <v>49.35</v>
      </c>
      <c r="I23" s="9">
        <v>14.25</v>
      </c>
      <c r="J23" s="14">
        <v>19.3</v>
      </c>
      <c r="K23" s="14">
        <v>23.46</v>
      </c>
      <c r="L23" s="50">
        <v>4868.34</v>
      </c>
    </row>
    <row r="24" spans="1:12" s="3" customFormat="1" ht="15.75" customHeight="1" x14ac:dyDescent="0.15">
      <c r="A24" s="39" t="s">
        <v>35</v>
      </c>
      <c r="B24" s="43" t="s">
        <v>25</v>
      </c>
      <c r="C24" s="10">
        <v>0</v>
      </c>
      <c r="D24" s="10">
        <v>0</v>
      </c>
      <c r="E24" s="10">
        <v>0</v>
      </c>
      <c r="F24" s="10">
        <v>126.3</v>
      </c>
      <c r="G24" s="11">
        <v>10.7</v>
      </c>
      <c r="H24" s="10">
        <v>6.45</v>
      </c>
      <c r="I24" s="10">
        <v>3.71</v>
      </c>
      <c r="J24" s="10">
        <v>7.8</v>
      </c>
      <c r="K24" s="10">
        <v>5.87</v>
      </c>
      <c r="L24" s="11">
        <v>160.83000000000001</v>
      </c>
    </row>
    <row r="25" spans="1:12" ht="16.5" customHeight="1" x14ac:dyDescent="0.15">
      <c r="A25" s="39" t="s">
        <v>35</v>
      </c>
      <c r="B25" s="40" t="s">
        <v>4</v>
      </c>
      <c r="C25" s="48">
        <v>5741.39</v>
      </c>
      <c r="D25" s="17">
        <v>409.98</v>
      </c>
      <c r="E25" s="17">
        <v>12.81</v>
      </c>
      <c r="F25" s="48">
        <v>4925.6899999999996</v>
      </c>
      <c r="G25" s="17">
        <v>46.709999999999994</v>
      </c>
      <c r="H25" s="17">
        <v>55.22</v>
      </c>
      <c r="I25" s="17">
        <v>24.71</v>
      </c>
      <c r="J25" s="17">
        <v>22.810000000000002</v>
      </c>
      <c r="K25" s="17">
        <v>33.42</v>
      </c>
      <c r="L25" s="48">
        <v>5108.5600000000004</v>
      </c>
    </row>
    <row r="26" spans="1:12" s="3" customFormat="1" ht="15.75" customHeight="1" x14ac:dyDescent="0.15">
      <c r="A26" s="39" t="s">
        <v>35</v>
      </c>
      <c r="B26" s="43" t="s">
        <v>4</v>
      </c>
      <c r="C26" s="18">
        <v>0</v>
      </c>
      <c r="D26" s="18">
        <v>0</v>
      </c>
      <c r="E26" s="18">
        <v>0</v>
      </c>
      <c r="F26" s="18">
        <v>159.63</v>
      </c>
      <c r="G26" s="19">
        <v>14.549999999999999</v>
      </c>
      <c r="H26" s="18">
        <v>8.57</v>
      </c>
      <c r="I26" s="18">
        <v>8.15</v>
      </c>
      <c r="J26" s="18">
        <v>9.01</v>
      </c>
      <c r="K26" s="18">
        <v>10.129999999999999</v>
      </c>
      <c r="L26" s="19">
        <v>210.04000000000002</v>
      </c>
    </row>
    <row r="27" spans="1:12" ht="16.5" customHeight="1" x14ac:dyDescent="0.15">
      <c r="A27" s="39" t="s">
        <v>35</v>
      </c>
      <c r="B27" s="36" t="s">
        <v>9</v>
      </c>
      <c r="C27" s="14">
        <v>3194.42</v>
      </c>
      <c r="D27" s="9">
        <v>564.5</v>
      </c>
      <c r="E27" s="9">
        <v>7.04</v>
      </c>
      <c r="F27" s="50">
        <v>2399.77</v>
      </c>
      <c r="G27" s="9">
        <v>11.96</v>
      </c>
      <c r="H27" s="9">
        <v>29.4</v>
      </c>
      <c r="I27" s="9">
        <v>21.75</v>
      </c>
      <c r="J27" s="21">
        <v>10.6</v>
      </c>
      <c r="K27" s="21">
        <v>16.010000000000002</v>
      </c>
      <c r="L27" s="50">
        <v>2489.4900000000002</v>
      </c>
    </row>
    <row r="28" spans="1:12" s="3" customFormat="1" ht="15.75" customHeight="1" x14ac:dyDescent="0.15">
      <c r="A28" s="39" t="s">
        <v>35</v>
      </c>
      <c r="B28" s="43" t="s">
        <v>9</v>
      </c>
      <c r="C28" s="6">
        <v>0</v>
      </c>
      <c r="D28" s="6">
        <v>0</v>
      </c>
      <c r="E28" s="6">
        <v>0</v>
      </c>
      <c r="F28" s="6">
        <v>105.54</v>
      </c>
      <c r="G28" s="6">
        <v>2.64</v>
      </c>
      <c r="H28" s="6">
        <v>7.6</v>
      </c>
      <c r="I28" s="6">
        <v>7.29</v>
      </c>
      <c r="J28" s="6">
        <v>4.0999999999999996</v>
      </c>
      <c r="K28" s="6">
        <v>6.22</v>
      </c>
      <c r="L28" s="7">
        <v>133.39000000000001</v>
      </c>
    </row>
    <row r="29" spans="1:12" ht="16.5" customHeight="1" x14ac:dyDescent="0.15">
      <c r="A29" s="39" t="s">
        <v>35</v>
      </c>
      <c r="B29" s="44" t="s">
        <v>10</v>
      </c>
      <c r="C29" s="14">
        <v>5303.32</v>
      </c>
      <c r="D29" s="9">
        <v>494.24</v>
      </c>
      <c r="E29" s="9">
        <v>25.76</v>
      </c>
      <c r="F29" s="50">
        <v>4563.93</v>
      </c>
      <c r="G29" s="9">
        <v>21.5</v>
      </c>
      <c r="H29" s="9">
        <v>29.8</v>
      </c>
      <c r="I29" s="9">
        <v>32.96</v>
      </c>
      <c r="J29" s="14">
        <v>31.15</v>
      </c>
      <c r="K29" s="14">
        <v>22.25</v>
      </c>
      <c r="L29" s="50">
        <v>4701.59</v>
      </c>
    </row>
    <row r="30" spans="1:12" ht="15.75" customHeight="1" x14ac:dyDescent="0.15">
      <c r="A30" s="39" t="s">
        <v>35</v>
      </c>
      <c r="B30" s="43" t="s">
        <v>10</v>
      </c>
      <c r="C30" s="6">
        <v>0</v>
      </c>
      <c r="D30" s="6">
        <v>0</v>
      </c>
      <c r="E30" s="6">
        <v>0</v>
      </c>
      <c r="F30" s="6">
        <v>62.32</v>
      </c>
      <c r="G30" s="7">
        <v>4.46</v>
      </c>
      <c r="H30" s="7">
        <v>2.65</v>
      </c>
      <c r="I30" s="6">
        <v>1.62</v>
      </c>
      <c r="J30" s="6">
        <v>5.82</v>
      </c>
      <c r="K30" s="6">
        <v>4.8600000000000003</v>
      </c>
      <c r="L30" s="7">
        <v>81.73</v>
      </c>
    </row>
    <row r="31" spans="1:12" ht="16.5" customHeight="1" x14ac:dyDescent="0.15">
      <c r="A31" s="39" t="s">
        <v>35</v>
      </c>
      <c r="B31" s="44" t="s">
        <v>11</v>
      </c>
      <c r="C31" s="14">
        <v>1299.9799999999998</v>
      </c>
      <c r="D31" s="9">
        <v>105.22</v>
      </c>
      <c r="E31" s="9">
        <v>62.8</v>
      </c>
      <c r="F31" s="50">
        <v>1032.01</v>
      </c>
      <c r="G31" s="9">
        <v>9.0399999999999991</v>
      </c>
      <c r="H31" s="9">
        <v>3.6</v>
      </c>
      <c r="I31" s="9">
        <v>13.23</v>
      </c>
      <c r="J31" s="14">
        <v>10.620000000000001</v>
      </c>
      <c r="K31" s="14">
        <v>16.23</v>
      </c>
      <c r="L31" s="50">
        <v>1084.7299999999998</v>
      </c>
    </row>
    <row r="32" spans="1:12" ht="15.75" customHeight="1" x14ac:dyDescent="0.15">
      <c r="A32" s="39" t="s">
        <v>35</v>
      </c>
      <c r="B32" s="43" t="s">
        <v>11</v>
      </c>
      <c r="C32" s="15">
        <v>0</v>
      </c>
      <c r="D32" s="15">
        <v>0</v>
      </c>
      <c r="E32" s="15">
        <v>0</v>
      </c>
      <c r="F32" s="15">
        <v>25.23</v>
      </c>
      <c r="G32" s="16">
        <v>1.17</v>
      </c>
      <c r="H32" s="15">
        <v>0.9</v>
      </c>
      <c r="I32" s="15">
        <v>6.13</v>
      </c>
      <c r="J32" s="15">
        <v>3.68</v>
      </c>
      <c r="K32" s="15">
        <v>10.119999999999999</v>
      </c>
      <c r="L32" s="16">
        <v>47.23</v>
      </c>
    </row>
    <row r="33" spans="1:12" ht="16.5" customHeight="1" x14ac:dyDescent="0.15">
      <c r="A33" s="39" t="s">
        <v>35</v>
      </c>
      <c r="B33" s="40" t="s">
        <v>4</v>
      </c>
      <c r="C33" s="48">
        <v>9797.7199999999993</v>
      </c>
      <c r="D33" s="48">
        <v>1163.96</v>
      </c>
      <c r="E33" s="17">
        <v>95.6</v>
      </c>
      <c r="F33" s="48">
        <v>7995.7100000000009</v>
      </c>
      <c r="G33" s="17">
        <v>42.5</v>
      </c>
      <c r="H33" s="17">
        <v>62.800000000000004</v>
      </c>
      <c r="I33" s="17">
        <v>67.94</v>
      </c>
      <c r="J33" s="17">
        <v>52.370000000000005</v>
      </c>
      <c r="K33" s="17">
        <v>54.490000000000009</v>
      </c>
      <c r="L33" s="48">
        <v>8275.81</v>
      </c>
    </row>
    <row r="34" spans="1:12" ht="15.75" customHeight="1" x14ac:dyDescent="0.15">
      <c r="A34" s="39" t="s">
        <v>35</v>
      </c>
      <c r="B34" s="43" t="s">
        <v>4</v>
      </c>
      <c r="C34" s="18">
        <v>0</v>
      </c>
      <c r="D34" s="18">
        <v>0</v>
      </c>
      <c r="E34" s="18">
        <v>0</v>
      </c>
      <c r="F34" s="18">
        <v>193.09</v>
      </c>
      <c r="G34" s="18">
        <v>8.27</v>
      </c>
      <c r="H34" s="18">
        <v>11.15</v>
      </c>
      <c r="I34" s="18">
        <v>15.04</v>
      </c>
      <c r="J34" s="18">
        <v>13.6</v>
      </c>
      <c r="K34" s="18">
        <v>21.2</v>
      </c>
      <c r="L34" s="19">
        <v>262.35000000000002</v>
      </c>
    </row>
    <row r="35" spans="1:12" ht="16.5" customHeight="1" x14ac:dyDescent="0.15">
      <c r="A35" s="39" t="s">
        <v>35</v>
      </c>
      <c r="B35" s="36" t="s">
        <v>12</v>
      </c>
      <c r="C35" s="12">
        <v>553.93999999999994</v>
      </c>
      <c r="D35" s="12">
        <v>119.47</v>
      </c>
      <c r="E35" s="12">
        <v>29.96</v>
      </c>
      <c r="F35" s="12">
        <v>300.24</v>
      </c>
      <c r="G35" s="12">
        <v>11.83</v>
      </c>
      <c r="H35" s="12">
        <v>9.4499999999999993</v>
      </c>
      <c r="I35" s="12">
        <v>5.78</v>
      </c>
      <c r="J35" s="12">
        <v>14.2</v>
      </c>
      <c r="K35" s="12">
        <v>15.97</v>
      </c>
      <c r="L35" s="12">
        <v>357.46999999999997</v>
      </c>
    </row>
    <row r="36" spans="1:12" ht="15.75" customHeight="1" x14ac:dyDescent="0.15">
      <c r="A36" s="39" t="s">
        <v>35</v>
      </c>
      <c r="B36" s="43" t="s">
        <v>12</v>
      </c>
      <c r="C36" s="7">
        <v>0</v>
      </c>
      <c r="D36" s="7">
        <v>0</v>
      </c>
      <c r="E36" s="7">
        <v>0</v>
      </c>
      <c r="F36" s="6">
        <v>24.73</v>
      </c>
      <c r="G36" s="7">
        <v>4.51</v>
      </c>
      <c r="H36" s="6">
        <v>3.7</v>
      </c>
      <c r="I36" s="6">
        <v>4.47</v>
      </c>
      <c r="J36" s="6">
        <v>4.8</v>
      </c>
      <c r="K36" s="6">
        <v>4.83</v>
      </c>
      <c r="L36" s="7">
        <v>47.04</v>
      </c>
    </row>
    <row r="37" spans="1:12" ht="16.5" customHeight="1" x14ac:dyDescent="0.15">
      <c r="A37" s="39" t="s">
        <v>35</v>
      </c>
      <c r="B37" s="36" t="s">
        <v>2</v>
      </c>
      <c r="C37" s="49">
        <v>16093.050000000001</v>
      </c>
      <c r="D37" s="49">
        <v>1693.41</v>
      </c>
      <c r="E37" s="5">
        <v>138.37</v>
      </c>
      <c r="F37" s="49">
        <v>13221.640000000001</v>
      </c>
      <c r="G37" s="5">
        <v>101.03999999999999</v>
      </c>
      <c r="H37" s="5">
        <v>127.47000000000001</v>
      </c>
      <c r="I37" s="5">
        <v>98.43</v>
      </c>
      <c r="J37" s="5">
        <v>89.38000000000001</v>
      </c>
      <c r="K37" s="22">
        <v>103.88000000000001</v>
      </c>
      <c r="L37" s="49">
        <v>13741.839999999998</v>
      </c>
    </row>
    <row r="38" spans="1:12" ht="15.75" customHeight="1" x14ac:dyDescent="0.15">
      <c r="A38" s="39" t="s">
        <v>35</v>
      </c>
      <c r="B38" s="46" t="s">
        <v>2</v>
      </c>
      <c r="C38" s="18">
        <v>0</v>
      </c>
      <c r="D38" s="18">
        <v>0</v>
      </c>
      <c r="E38" s="18">
        <v>0</v>
      </c>
      <c r="F38" s="18">
        <v>377.45000000000005</v>
      </c>
      <c r="G38" s="18">
        <v>27.33</v>
      </c>
      <c r="H38" s="18">
        <v>23.419999999999998</v>
      </c>
      <c r="I38" s="18">
        <v>27.659999999999997</v>
      </c>
      <c r="J38" s="18">
        <v>27.41</v>
      </c>
      <c r="K38" s="18">
        <v>36.159999999999997</v>
      </c>
      <c r="L38" s="19">
        <v>519.43000000000006</v>
      </c>
    </row>
    <row r="39" spans="1:12" ht="16.5" customHeight="1" x14ac:dyDescent="0.15">
      <c r="A39" s="41" t="s">
        <v>36</v>
      </c>
      <c r="B39" s="45" t="s">
        <v>13</v>
      </c>
      <c r="C39" s="12">
        <v>32.57</v>
      </c>
      <c r="D39" s="12">
        <v>7.74</v>
      </c>
      <c r="E39" s="12">
        <v>0</v>
      </c>
      <c r="F39" s="12">
        <v>20.72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20.72</v>
      </c>
    </row>
    <row r="40" spans="1:12" ht="15.75" customHeight="1" x14ac:dyDescent="0.15">
      <c r="A40" s="41" t="s">
        <v>36</v>
      </c>
      <c r="B40" s="47" t="s">
        <v>13</v>
      </c>
      <c r="C40" s="7">
        <v>0</v>
      </c>
      <c r="D40" s="7">
        <v>0</v>
      </c>
      <c r="E40" s="7">
        <v>0</v>
      </c>
      <c r="F40" s="6">
        <v>4.1100000000000003</v>
      </c>
      <c r="G40" s="6">
        <v>0</v>
      </c>
      <c r="H40" s="6">
        <v>0</v>
      </c>
      <c r="I40" s="6">
        <v>0</v>
      </c>
      <c r="J40" s="6">
        <v>0</v>
      </c>
      <c r="K40" s="6">
        <v>0</v>
      </c>
      <c r="L40" s="7">
        <v>4.1100000000000003</v>
      </c>
    </row>
    <row r="41" spans="1:12" ht="16.5" customHeight="1" x14ac:dyDescent="0.15">
      <c r="A41" s="41" t="s">
        <v>36</v>
      </c>
      <c r="B41" s="44" t="s">
        <v>14</v>
      </c>
      <c r="C41" s="8">
        <v>0</v>
      </c>
      <c r="D41" s="8">
        <v>0</v>
      </c>
      <c r="E41" s="8">
        <v>0</v>
      </c>
      <c r="F41" s="8">
        <v>0</v>
      </c>
      <c r="G41" s="8">
        <v>0</v>
      </c>
      <c r="H41" s="8">
        <v>0</v>
      </c>
      <c r="I41" s="8">
        <v>0</v>
      </c>
      <c r="J41" s="8">
        <v>0</v>
      </c>
      <c r="K41" s="8">
        <v>0</v>
      </c>
      <c r="L41" s="8">
        <v>0</v>
      </c>
    </row>
    <row r="42" spans="1:12" ht="15.75" customHeight="1" x14ac:dyDescent="0.15">
      <c r="A42" s="41" t="s">
        <v>36</v>
      </c>
      <c r="B42" s="43" t="s">
        <v>14</v>
      </c>
      <c r="C42" s="7">
        <v>0</v>
      </c>
      <c r="D42" s="7">
        <v>0</v>
      </c>
      <c r="E42" s="7">
        <v>0</v>
      </c>
      <c r="F42" s="6">
        <v>0</v>
      </c>
      <c r="G42" s="7">
        <v>0</v>
      </c>
      <c r="H42" s="7">
        <v>0</v>
      </c>
      <c r="I42" s="7">
        <v>0</v>
      </c>
      <c r="J42" s="6">
        <v>0</v>
      </c>
      <c r="K42" s="6">
        <v>0</v>
      </c>
      <c r="L42" s="7">
        <v>0</v>
      </c>
    </row>
    <row r="43" spans="1:12" ht="16.5" customHeight="1" x14ac:dyDescent="0.15">
      <c r="A43" s="41" t="s">
        <v>36</v>
      </c>
      <c r="B43" s="44" t="s">
        <v>15</v>
      </c>
      <c r="C43" s="8">
        <v>0</v>
      </c>
      <c r="D43" s="8">
        <v>0</v>
      </c>
      <c r="E43" s="8">
        <v>0</v>
      </c>
      <c r="F43" s="8">
        <v>0</v>
      </c>
      <c r="G43" s="8">
        <v>0</v>
      </c>
      <c r="H43" s="8">
        <v>0</v>
      </c>
      <c r="I43" s="8">
        <v>0</v>
      </c>
      <c r="J43" s="8">
        <v>0</v>
      </c>
      <c r="K43" s="8">
        <v>0</v>
      </c>
      <c r="L43" s="8">
        <v>0</v>
      </c>
    </row>
    <row r="44" spans="1:12" ht="15.75" customHeight="1" x14ac:dyDescent="0.15">
      <c r="A44" s="41" t="s">
        <v>36</v>
      </c>
      <c r="B44" s="37" t="s">
        <v>15</v>
      </c>
      <c r="C44" s="7">
        <v>0</v>
      </c>
      <c r="D44" s="7">
        <v>0</v>
      </c>
      <c r="E44" s="7">
        <v>0</v>
      </c>
      <c r="F44" s="7">
        <v>0</v>
      </c>
      <c r="G44" s="7">
        <v>0</v>
      </c>
      <c r="H44" s="7">
        <v>0</v>
      </c>
      <c r="I44" s="7">
        <v>0</v>
      </c>
      <c r="J44" s="7">
        <v>0</v>
      </c>
      <c r="K44" s="7">
        <v>0</v>
      </c>
      <c r="L44" s="7">
        <v>0</v>
      </c>
    </row>
    <row r="45" spans="1:12" ht="16.5" customHeight="1" x14ac:dyDescent="0.15">
      <c r="A45" s="41" t="s">
        <v>36</v>
      </c>
      <c r="B45" s="43" t="s">
        <v>16</v>
      </c>
      <c r="C45" s="12">
        <v>0</v>
      </c>
      <c r="D45" s="12">
        <v>0</v>
      </c>
      <c r="E45" s="12">
        <v>0</v>
      </c>
      <c r="F45" s="12">
        <v>0</v>
      </c>
      <c r="G45" s="12">
        <v>0</v>
      </c>
      <c r="H45" s="12">
        <v>0</v>
      </c>
      <c r="I45" s="12">
        <v>0</v>
      </c>
      <c r="J45" s="12">
        <v>0</v>
      </c>
      <c r="K45" s="12">
        <v>0</v>
      </c>
      <c r="L45" s="12">
        <v>0</v>
      </c>
    </row>
    <row r="46" spans="1:12" ht="15.75" customHeight="1" x14ac:dyDescent="0.15">
      <c r="A46" s="41" t="s">
        <v>36</v>
      </c>
      <c r="B46" s="43" t="s">
        <v>16</v>
      </c>
      <c r="C46" s="11">
        <v>0</v>
      </c>
      <c r="D46" s="11">
        <v>0</v>
      </c>
      <c r="E46" s="11">
        <v>0</v>
      </c>
      <c r="F46" s="11">
        <v>0</v>
      </c>
      <c r="G46" s="11">
        <v>0</v>
      </c>
      <c r="H46" s="11">
        <v>0</v>
      </c>
      <c r="I46" s="11">
        <v>0</v>
      </c>
      <c r="J46" s="11">
        <v>0</v>
      </c>
      <c r="K46" s="11">
        <v>0</v>
      </c>
      <c r="L46" s="11">
        <v>0</v>
      </c>
    </row>
    <row r="47" spans="1:12" ht="16.5" customHeight="1" x14ac:dyDescent="0.15">
      <c r="A47" s="41" t="s">
        <v>36</v>
      </c>
      <c r="B47" s="36" t="s">
        <v>2</v>
      </c>
      <c r="C47" s="5">
        <v>32.57</v>
      </c>
      <c r="D47" s="5">
        <v>7.74</v>
      </c>
      <c r="E47" s="5">
        <v>0</v>
      </c>
      <c r="F47" s="5">
        <v>20.72</v>
      </c>
      <c r="G47" s="5">
        <v>0</v>
      </c>
      <c r="H47" s="5">
        <v>0</v>
      </c>
      <c r="I47" s="5">
        <v>0</v>
      </c>
      <c r="J47" s="5">
        <v>0</v>
      </c>
      <c r="K47" s="5">
        <v>0</v>
      </c>
      <c r="L47" s="5">
        <v>20.72</v>
      </c>
    </row>
    <row r="48" spans="1:12" ht="15.75" customHeight="1" x14ac:dyDescent="0.15">
      <c r="A48" s="41" t="s">
        <v>36</v>
      </c>
      <c r="B48" s="46" t="s">
        <v>2</v>
      </c>
      <c r="C48" s="18">
        <v>0</v>
      </c>
      <c r="D48" s="18">
        <v>0</v>
      </c>
      <c r="E48" s="18">
        <v>0</v>
      </c>
      <c r="F48" s="18">
        <v>4.1100000000000003</v>
      </c>
      <c r="G48" s="18">
        <v>0</v>
      </c>
      <c r="H48" s="18">
        <v>0</v>
      </c>
      <c r="I48" s="18">
        <v>0</v>
      </c>
      <c r="J48" s="18">
        <v>0</v>
      </c>
      <c r="K48" s="18">
        <v>0</v>
      </c>
      <c r="L48" s="19">
        <v>4.1100000000000003</v>
      </c>
    </row>
    <row r="49" spans="1:12" ht="15.75" customHeight="1" x14ac:dyDescent="0.15">
      <c r="A49" s="41" t="s">
        <v>37</v>
      </c>
      <c r="B49" s="36" t="s">
        <v>17</v>
      </c>
      <c r="C49" s="14">
        <v>7433.3799999999992</v>
      </c>
      <c r="D49" s="14">
        <v>1254.54</v>
      </c>
      <c r="E49" s="9">
        <v>6.02</v>
      </c>
      <c r="F49" s="50">
        <v>5780.61</v>
      </c>
      <c r="G49" s="9">
        <v>34.36</v>
      </c>
      <c r="H49" s="9">
        <v>38.79</v>
      </c>
      <c r="I49" s="9">
        <v>34.1</v>
      </c>
      <c r="J49" s="14">
        <v>25.75</v>
      </c>
      <c r="K49" s="14">
        <v>23.54</v>
      </c>
      <c r="L49" s="50">
        <v>5937.15</v>
      </c>
    </row>
    <row r="50" spans="1:12" ht="15.75" customHeight="1" x14ac:dyDescent="0.15">
      <c r="A50" s="41" t="s">
        <v>37</v>
      </c>
      <c r="B50" s="43" t="s">
        <v>17</v>
      </c>
      <c r="C50" s="6">
        <v>0</v>
      </c>
      <c r="D50" s="6">
        <v>0</v>
      </c>
      <c r="E50" s="6">
        <v>0</v>
      </c>
      <c r="F50" s="6">
        <v>166.88</v>
      </c>
      <c r="G50" s="6">
        <v>13.63</v>
      </c>
      <c r="H50" s="6">
        <v>17.07</v>
      </c>
      <c r="I50" s="6">
        <v>15.37</v>
      </c>
      <c r="J50" s="6">
        <v>11.94</v>
      </c>
      <c r="K50" s="6">
        <v>10.78</v>
      </c>
      <c r="L50" s="7">
        <v>235.67</v>
      </c>
    </row>
    <row r="51" spans="1:12" ht="16.5" customHeight="1" x14ac:dyDescent="0.15">
      <c r="A51" s="41" t="s">
        <v>37</v>
      </c>
      <c r="B51" s="44" t="s">
        <v>18</v>
      </c>
      <c r="C51" s="9">
        <v>794.42999999999984</v>
      </c>
      <c r="D51" s="9">
        <v>115.51</v>
      </c>
      <c r="E51" s="9">
        <v>1.91</v>
      </c>
      <c r="F51" s="12">
        <v>578.55999999999995</v>
      </c>
      <c r="G51" s="9">
        <v>17.66</v>
      </c>
      <c r="H51" s="9">
        <v>1.1000000000000001</v>
      </c>
      <c r="I51" s="9">
        <v>11.67</v>
      </c>
      <c r="J51" s="9">
        <v>0.62</v>
      </c>
      <c r="K51" s="9">
        <v>2.1</v>
      </c>
      <c r="L51" s="12">
        <v>611.70999999999992</v>
      </c>
    </row>
    <row r="52" spans="1:12" ht="15.75" customHeight="1" x14ac:dyDescent="0.15">
      <c r="A52" s="41" t="s">
        <v>37</v>
      </c>
      <c r="B52" s="43" t="s">
        <v>18</v>
      </c>
      <c r="C52" s="6">
        <v>0</v>
      </c>
      <c r="D52" s="6">
        <v>0</v>
      </c>
      <c r="E52" s="6">
        <v>0</v>
      </c>
      <c r="F52" s="6">
        <v>50.32</v>
      </c>
      <c r="G52" s="6">
        <v>10.029999999999999</v>
      </c>
      <c r="H52" s="6">
        <v>1</v>
      </c>
      <c r="I52" s="6">
        <v>2.66</v>
      </c>
      <c r="J52" s="6">
        <v>0.39</v>
      </c>
      <c r="K52" s="6">
        <v>0.9</v>
      </c>
      <c r="L52" s="7">
        <v>65.300000000000011</v>
      </c>
    </row>
    <row r="53" spans="1:12" ht="16.5" customHeight="1" x14ac:dyDescent="0.15">
      <c r="A53" s="41" t="s">
        <v>37</v>
      </c>
      <c r="B53" s="44" t="s">
        <v>26</v>
      </c>
      <c r="C53" s="14">
        <v>1483.3000000000002</v>
      </c>
      <c r="D53" s="9">
        <v>306.93</v>
      </c>
      <c r="E53" s="9">
        <v>17.93</v>
      </c>
      <c r="F53" s="50">
        <v>1059.8</v>
      </c>
      <c r="G53" s="9">
        <v>0</v>
      </c>
      <c r="H53" s="9">
        <v>0</v>
      </c>
      <c r="I53" s="9">
        <v>17.630000000000003</v>
      </c>
      <c r="J53" s="9">
        <v>24.3</v>
      </c>
      <c r="K53" s="9">
        <v>9.9600000000000009</v>
      </c>
      <c r="L53" s="50">
        <v>1111.69</v>
      </c>
    </row>
    <row r="54" spans="1:12" ht="15.75" customHeight="1" x14ac:dyDescent="0.15">
      <c r="A54" s="41" t="s">
        <v>37</v>
      </c>
      <c r="B54" s="43" t="s">
        <v>26</v>
      </c>
      <c r="C54" s="10">
        <v>0</v>
      </c>
      <c r="D54" s="10">
        <v>0</v>
      </c>
      <c r="E54" s="10">
        <v>0</v>
      </c>
      <c r="F54" s="10">
        <v>21.27</v>
      </c>
      <c r="G54" s="10">
        <v>0</v>
      </c>
      <c r="H54" s="10">
        <v>0</v>
      </c>
      <c r="I54" s="10">
        <v>10.81</v>
      </c>
      <c r="J54" s="10">
        <v>8.9499999999999993</v>
      </c>
      <c r="K54" s="10">
        <v>5.72</v>
      </c>
      <c r="L54" s="11">
        <v>46.75</v>
      </c>
    </row>
    <row r="55" spans="1:12" ht="16.5" customHeight="1" x14ac:dyDescent="0.15">
      <c r="A55" s="41" t="s">
        <v>37</v>
      </c>
      <c r="B55" s="36" t="s">
        <v>2</v>
      </c>
      <c r="C55" s="49">
        <v>9711.11</v>
      </c>
      <c r="D55" s="49">
        <v>1676.98</v>
      </c>
      <c r="E55" s="5">
        <v>25.86</v>
      </c>
      <c r="F55" s="49">
        <v>7418.97</v>
      </c>
      <c r="G55" s="5">
        <v>52.019999999999996</v>
      </c>
      <c r="H55" s="5">
        <v>39.89</v>
      </c>
      <c r="I55" s="5">
        <v>63.400000000000006</v>
      </c>
      <c r="J55" s="5">
        <v>50.67</v>
      </c>
      <c r="K55" s="23">
        <v>35.6</v>
      </c>
      <c r="L55" s="49">
        <v>7660.5499999999993</v>
      </c>
    </row>
    <row r="56" spans="1:12" ht="15.75" customHeight="1" x14ac:dyDescent="0.15">
      <c r="A56" s="41" t="s">
        <v>37</v>
      </c>
      <c r="B56" s="46" t="s">
        <v>2</v>
      </c>
      <c r="C56" s="18">
        <v>0</v>
      </c>
      <c r="D56" s="18">
        <v>0</v>
      </c>
      <c r="E56" s="18">
        <v>0</v>
      </c>
      <c r="F56" s="18">
        <v>238.47</v>
      </c>
      <c r="G56" s="18">
        <v>23.66</v>
      </c>
      <c r="H56" s="18">
        <v>18.07</v>
      </c>
      <c r="I56" s="18">
        <v>28.840000000000003</v>
      </c>
      <c r="J56" s="18">
        <v>21.28</v>
      </c>
      <c r="K56" s="18">
        <v>17.399999999999999</v>
      </c>
      <c r="L56" s="19">
        <v>347.72</v>
      </c>
    </row>
    <row r="57" spans="1:12" ht="16.5" customHeight="1" x14ac:dyDescent="0.15">
      <c r="A57" s="35" t="s">
        <v>5</v>
      </c>
      <c r="B57" s="36" t="s">
        <v>5</v>
      </c>
      <c r="C57" s="49">
        <v>37673.880000000005</v>
      </c>
      <c r="D57" s="49">
        <v>5314.8899999999994</v>
      </c>
      <c r="E57" s="5">
        <v>238.55</v>
      </c>
      <c r="F57" s="49">
        <v>29362.960000000003</v>
      </c>
      <c r="G57" s="5">
        <v>270.33</v>
      </c>
      <c r="H57" s="5">
        <v>287.56</v>
      </c>
      <c r="I57" s="5">
        <v>264.04000000000002</v>
      </c>
      <c r="J57" s="5">
        <v>221.90000000000003</v>
      </c>
      <c r="K57" s="5">
        <v>241.48</v>
      </c>
      <c r="L57" s="49">
        <v>30648.27</v>
      </c>
    </row>
    <row r="58" spans="1:12" ht="15.75" customHeight="1" x14ac:dyDescent="0.15">
      <c r="A58" s="42" t="s">
        <v>5</v>
      </c>
      <c r="B58" s="38" t="s">
        <v>5</v>
      </c>
      <c r="C58" s="18">
        <v>0</v>
      </c>
      <c r="D58" s="18">
        <v>0</v>
      </c>
      <c r="E58" s="18">
        <v>0</v>
      </c>
      <c r="F58" s="18">
        <v>1017.44</v>
      </c>
      <c r="G58" s="18">
        <v>95.169999999999987</v>
      </c>
      <c r="H58" s="18">
        <v>85.360000000000014</v>
      </c>
      <c r="I58" s="18">
        <v>101.81</v>
      </c>
      <c r="J58" s="18">
        <v>78.849999999999994</v>
      </c>
      <c r="K58" s="18">
        <v>93.539999999999992</v>
      </c>
      <c r="L58" s="51">
        <v>1472.17</v>
      </c>
    </row>
    <row r="59" spans="1:12" ht="2.25" customHeight="1" x14ac:dyDescent="0.15">
      <c r="A59" s="24"/>
      <c r="B59" s="31"/>
      <c r="C59" s="25"/>
      <c r="D59" s="25"/>
      <c r="E59" s="25"/>
      <c r="F59" s="26"/>
      <c r="G59" s="27"/>
      <c r="H59" s="27"/>
      <c r="I59" s="27"/>
      <c r="J59" s="27"/>
      <c r="K59" s="27"/>
      <c r="L59" s="28"/>
    </row>
    <row r="60" spans="1:12" ht="13.5" x14ac:dyDescent="0.15">
      <c r="A60" s="29"/>
      <c r="B60" s="32"/>
      <c r="C60" s="29"/>
      <c r="D60" s="29"/>
      <c r="E60" s="29"/>
      <c r="F60" s="29"/>
      <c r="G60" s="29"/>
      <c r="H60" s="29"/>
      <c r="I60" s="29"/>
      <c r="J60" s="29"/>
      <c r="K60" s="29"/>
      <c r="L60" s="30"/>
    </row>
    <row r="61" spans="1:12" ht="13.5" x14ac:dyDescent="0.15">
      <c r="A61" s="29"/>
      <c r="B61" s="32"/>
      <c r="C61" s="29"/>
      <c r="D61" s="29"/>
      <c r="E61" s="29"/>
      <c r="F61" s="29"/>
      <c r="G61" s="29"/>
      <c r="H61" s="29"/>
      <c r="I61" s="29"/>
      <c r="J61" s="29"/>
      <c r="K61" s="29"/>
      <c r="L61" s="30"/>
    </row>
  </sheetData>
  <phoneticPr fontId="2"/>
  <printOptions horizontalCentered="1"/>
  <pageMargins left="0.62992125984251968" right="0.70866141732283472" top="1.1811023622047245" bottom="0.31496062992125984" header="0.62992125984251968" footer="0.51181102362204722"/>
  <pageSetup paperSize="9" scale="81" orientation="portrait" r:id="rId1"/>
  <headerFooter scaleWithDoc="0" alignWithMargins="0">
    <oddHeader>&amp;L&amp;"ＭＳ 明朝,標準"&amp;18 9. 森林研究・整備機構造林実績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9</vt:lpstr>
      <vt:lpstr>'9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萬代　邦行</dc:creator>
  <cp:lastModifiedBy>Windows ユーザー</cp:lastModifiedBy>
  <cp:lastPrinted>2018-06-13T06:29:22Z</cp:lastPrinted>
  <dcterms:created xsi:type="dcterms:W3CDTF">2002-11-14T14:01:39Z</dcterms:created>
  <dcterms:modified xsi:type="dcterms:W3CDTF">2019-08-28T00:53:00Z</dcterms:modified>
</cp:coreProperties>
</file>